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2" r:id="rId5"/>
  </p:sldMasterIdLst>
  <p:notesMasterIdLst>
    <p:notesMasterId r:id="rId10"/>
  </p:notesMasterIdLst>
  <p:sldIdLst>
    <p:sldId id="275" r:id="rId6"/>
    <p:sldId id="271" r:id="rId7"/>
    <p:sldId id="274" r:id="rId8"/>
    <p:sldId id="273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13EFF191-3BBB-4713-9B59-85F54B1D706D}">
          <p14:sldIdLst>
            <p14:sldId id="275"/>
            <p14:sldId id="271"/>
            <p14:sldId id="274"/>
            <p14:sldId id="27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DE4667C-FA7A-4D04-988A-DA54A0662F29}" v="5" dt="2026-03-13T09:11:26.837"/>
    <p1510:client id="{E1A0DDE7-39E8-453E-A79D-B7811FC08E9C}" v="4" dt="2026-03-13T09:21:53.33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>
        <p:scale>
          <a:sx n="60" d="100"/>
          <a:sy n="60" d="100"/>
        </p:scale>
        <p:origin x="816" y="370"/>
      </p:cViewPr>
      <p:guideLst>
        <p:guide orient="horz" pos="213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microsoft.com/office/2018/10/relationships/authors" Target="author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microsoft.com/office/2015/10/relationships/revisionInfo" Target="revisionInfo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3/03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3 March 2026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223583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13 March 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02226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13 March 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30331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13 March 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0405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3 March 2026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496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13 March 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013094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5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64083-8682-4D5C-A107-1853638C6A31}" type="datetime3">
              <a:rPr lang="en-US"/>
              <a:t>13 March 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332147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89537979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3/03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710431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168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3/13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C6B55BF-4C93-521B-BC35-93F5FA1F2418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3 March 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50C3DA6-94DF-9BD1-3F5F-1B8619F4B392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4635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wcs/" TargetMode="Externa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E8DCC5DB-A901-36BA-23B9-F78295C84A0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>
          <a:blip r:embed="rId4"/>
          <a:srcRect l="545" r="282"/>
          <a:stretch>
            <a:fillRect/>
          </a:stretch>
        </p:blipFill>
        <p:spPr>
          <a:xfrm>
            <a:off x="0" y="-18202"/>
            <a:ext cx="12192000" cy="687620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459319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172169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C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r>
              <a:rPr lang="en-US" sz="1400" dirty="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C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r>
              <a:rPr lang="en-US" sz="1400" b="1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0F244A4-A038-A46E-B543-32D5D5F161B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/>
          <a:srcRect l="124"/>
          <a:stretch>
            <a:fillRect/>
          </a:stretch>
        </p:blipFill>
        <p:spPr>
          <a:xfrm>
            <a:off x="3779520" y="3329252"/>
            <a:ext cx="4821126" cy="2710310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58440778-D1F9-C5CF-4360-2A6EA153CD5A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7033845" y="3809220"/>
            <a:ext cx="554777" cy="1165757"/>
            <a:chOff x="1306168" y="815353"/>
            <a:chExt cx="991737" cy="1979946"/>
          </a:xfrm>
        </p:grpSpPr>
        <p:sp>
          <p:nvSpPr>
            <p:cNvPr id="4" name="Freeform 5">
              <a:extLst>
                <a:ext uri="{FF2B5EF4-FFF2-40B4-BE49-F238E27FC236}">
                  <a16:creationId xmlns:a16="http://schemas.microsoft.com/office/drawing/2014/main" id="{82B62F02-B65D-EAB0-E44B-41F501E736CD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C28A67DB-580E-402C-3216-7C62A750DB72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57DAD758-DB82-BC5C-B97B-83C36B38A71C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C76647C-B0EC-814A-FAF9-D4C3FC17E70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>
          <a:blip r:embed="rId3"/>
          <a:srcRect l="91" r="91"/>
          <a:stretch>
            <a:fillRect/>
          </a:stretch>
        </p:blipFill>
        <p:spPr>
          <a:xfrm>
            <a:off x="-17822" y="-10025"/>
            <a:ext cx="12209822" cy="6868025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7385C327-057C-D92E-0428-9D1E8B5919A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6719592" y="548627"/>
            <a:ext cx="4347143" cy="4352354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77878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BBB3A0DD-9AA6-F665-E723-546433741E9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>
          <a:blip r:embed="rId3"/>
          <a:srcRect l="11" r="1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98838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20" ma:contentTypeDescription="Create a new document." ma:contentTypeScope="" ma:versionID="1accb232203815ec3040efc51cba9a2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f47486965727e27118c92c38a2790d79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7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  <Teammemberincharge xmlns="4ffaaae9-dc8c-459f-a92e-1529c78bcbdb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8430EA5A-642D-49FD-BA7D-0FAE9816F58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98825FB-E388-4F1F-8116-2A8A65DD839A}">
  <ds:schemaRefs>
    <ds:schemaRef ds:uri="http://schemas.microsoft.com/office/2006/metadata/properties"/>
    <ds:schemaRef ds:uri="4ffaaae9-dc8c-459f-a92e-1529c78bcbdb"/>
    <ds:schemaRef ds:uri="da655568-1247-43c7-b5ce-0d71de2fb494"/>
    <ds:schemaRef ds:uri="http://purl.org/dc/terms/"/>
    <ds:schemaRef ds:uri="http://schemas.microsoft.com/office/2006/documentManagement/types"/>
    <ds:schemaRef ds:uri="http://schemas.microsoft.com/office/infopath/2007/PartnerControls"/>
    <ds:schemaRef ds:uri="http://purl.org/dc/dcmitype/"/>
    <ds:schemaRef ds:uri="86e16ca4-215f-4354-b2b5-4fac53992da1"/>
    <ds:schemaRef ds:uri="http://purl.org/dc/elements/1.1/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59</TotalTime>
  <Words>111</Words>
  <Application>Microsoft Office PowerPoint</Application>
  <PresentationFormat>Widescreen</PresentationFormat>
  <Paragraphs>7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IATA_Master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Carlota Hernández Jaubert</cp:lastModifiedBy>
  <cp:revision>2</cp:revision>
  <dcterms:created xsi:type="dcterms:W3CDTF">2021-04-21T15:11:41Z</dcterms:created>
  <dcterms:modified xsi:type="dcterms:W3CDTF">2026-03-13T09:23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ontentTypeId">
    <vt:lpwstr>0x0101002D35BE1AB82ED949983D4C3BEFB295AA</vt:lpwstr>
  </property>
  <property fmtid="{D5CDD505-2E9C-101B-9397-08002B2CF9AE}" pid="10" name="MediaServiceImageTags">
    <vt:lpwstr/>
  </property>
  <property fmtid="{D5CDD505-2E9C-101B-9397-08002B2CF9AE}" pid="11" name="Order">
    <vt:lpwstr>299200.000000000</vt:lpwstr>
  </property>
  <property fmtid="{D5CDD505-2E9C-101B-9397-08002B2CF9AE}" pid="12" name="xd_ProgID">
    <vt:lpwstr/>
  </property>
  <property fmtid="{D5CDD505-2E9C-101B-9397-08002B2CF9AE}" pid="13" name="ComplianceAssetId">
    <vt:lpwstr/>
  </property>
  <property fmtid="{D5CDD505-2E9C-101B-9397-08002B2CF9AE}" pid="14" name="TemplateUrl">
    <vt:lpwstr/>
  </property>
  <property fmtid="{D5CDD505-2E9C-101B-9397-08002B2CF9AE}" pid="15" name="_ExtendedDescription">
    <vt:lpwstr/>
  </property>
  <property fmtid="{D5CDD505-2E9C-101B-9397-08002B2CF9AE}" pid="16" name="TriggerFlowInfo">
    <vt:lpwstr/>
  </property>
  <property fmtid="{D5CDD505-2E9C-101B-9397-08002B2CF9AE}" pid="17" name="xd_Signature">
    <vt:lpwstr/>
  </property>
  <property fmtid="{D5CDD505-2E9C-101B-9397-08002B2CF9AE}" pid="18" name="SharedWithUsers">
    <vt:lpwstr>90;#Katie Erofeeva;#51;#Kim Wee;#87;#Macarena Losada</vt:lpwstr>
  </property>
  <property fmtid="{D5CDD505-2E9C-101B-9397-08002B2CF9AE}" pid="19" name="ClassificationContentMarkingHeaderLocations">
    <vt:lpwstr>Office Theme:8\IATA_Master:8</vt:lpwstr>
  </property>
  <property fmtid="{D5CDD505-2E9C-101B-9397-08002B2CF9AE}" pid="20" name="ClassificationContentMarkingHeaderText">
    <vt:lpwstr>Unrestricted</vt:lpwstr>
  </property>
</Properties>
</file>